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6F1E9CFF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6D333E">
        <w:rPr>
          <w:rFonts w:ascii="Arial" w:hAnsi="Arial" w:cs="Arial"/>
          <w:sz w:val="40"/>
          <w:szCs w:val="40"/>
        </w:rPr>
        <w:t xml:space="preserve">Nordjysk </w:t>
      </w:r>
      <w:proofErr w:type="spellStart"/>
      <w:r w:rsidR="006D333E">
        <w:rPr>
          <w:rFonts w:ascii="Arial" w:hAnsi="Arial" w:cs="Arial"/>
          <w:sz w:val="40"/>
          <w:szCs w:val="40"/>
        </w:rPr>
        <w:t>Bilpleje</w:t>
      </w:r>
      <w:proofErr w:type="spellEnd"/>
      <w:r w:rsidR="006D333E">
        <w:rPr>
          <w:rFonts w:ascii="Arial" w:hAnsi="Arial" w:cs="Arial"/>
          <w:sz w:val="40"/>
          <w:szCs w:val="40"/>
        </w:rPr>
        <w:t xml:space="preserve"> v/Dennis Lindstrøm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6D333E">
        <w:rPr>
          <w:rFonts w:ascii="Arial" w:hAnsi="Arial" w:cs="Arial"/>
          <w:sz w:val="40"/>
          <w:szCs w:val="40"/>
        </w:rPr>
        <w:t>Mosevangen 2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6D333E">
        <w:rPr>
          <w:rFonts w:ascii="Arial" w:hAnsi="Arial" w:cs="Arial"/>
          <w:sz w:val="40"/>
          <w:szCs w:val="40"/>
        </w:rPr>
        <w:t>923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6D333E">
        <w:rPr>
          <w:rFonts w:ascii="Arial" w:hAnsi="Arial" w:cs="Arial"/>
          <w:sz w:val="40"/>
          <w:szCs w:val="40"/>
        </w:rPr>
        <w:t>Svenstrup J.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703"/>
        <w:gridCol w:w="2237"/>
        <w:gridCol w:w="1237"/>
        <w:gridCol w:w="2611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0479D2CF" w:rsidR="00EC6E6D" w:rsidRPr="00245E8B" w:rsidRDefault="006D333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5.10.2016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0E1E7936" w:rsidR="00EC6E6D" w:rsidRPr="00245E8B" w:rsidRDefault="006D333E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45DB6E2C" w:rsidR="00EC6E6D" w:rsidRPr="00245E8B" w:rsidRDefault="006D333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160170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1F2D84E0" w:rsidR="00EC6E6D" w:rsidRPr="00245E8B" w:rsidRDefault="006D333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29033935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421CBD52" w:rsidR="00EC6E6D" w:rsidRPr="00245E8B" w:rsidRDefault="006D333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Dennis Lindstrøm [dennis_lindstroem@hotmail.com]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6397CF2C" w:rsidR="00EC6E6D" w:rsidRPr="00245E8B" w:rsidRDefault="006D333E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11773954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5098FF87" w:rsidR="00EC6E6D" w:rsidRPr="00F94A99" w:rsidRDefault="006D333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Q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Autoværksteder (branchebekendtgørelse)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10902492" w:rsidR="00EC6E6D" w:rsidRPr="00F94A99" w:rsidRDefault="006D333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  <w:r>
              <w:rPr>
                <w:rFonts w:ascii="Arial" w:hAnsi="Arial" w:cs="Arial"/>
                <w:sz w:val="22"/>
                <w:szCs w:val="22"/>
              </w:rPr>
              <w:t>17.11.2022</w:t>
            </w:r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581C62D7" w14:textId="77777777"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6" w:name="ind_descr_product_descr_process"/>
            <w:bookmarkEnd w:id="16"/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" w:name="ind_descr_product_product_area"/>
            <w:bookmarkEnd w:id="17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" w:name="ind_descr_product_employee_prod"/>
            <w:bookmarkEnd w:id="18"/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04D7A9A5" w:rsidR="00EC6E6D" w:rsidRPr="005D2D5F" w:rsidRDefault="006D333E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operating_time"/>
            <w:bookmarkEnd w:id="19"/>
            <w:r>
              <w:rPr>
                <w:rFonts w:ascii="Arial" w:hAnsi="Arial" w:cs="Arial"/>
                <w:sz w:val="20"/>
                <w:szCs w:val="20"/>
              </w:rPr>
              <w:t>08:00-16:00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operating_time_sat"/>
            <w:bookmarkEnd w:id="20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operating_time_sun"/>
            <w:bookmarkEnd w:id="21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v_control_code_env_control_name"/>
            <w:bookmarkEnd w:id="22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3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23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7E616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air_emis_source_source_idX2"/>
            <w:bookmarkEnd w:id="24"/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106B66A4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34D5A3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98B22D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79C4355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air_emis_source_source_id"/>
            <w:bookmarkEnd w:id="25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77777777" w:rsidR="00EC6E6D" w:rsidRPr="005D2D5F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26" w:name="ind_energy_types_energy_type_name"/>
            <w:bookmarkEnd w:id="26"/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188FBDF4" w:rsidR="00EC6E6D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7" w:name="ind_control_items_control_item_name"/>
            <w:bookmarkEnd w:id="27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59AA8D2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" w:name="ind_control_items_control_item_name_2"/>
            <w:bookmarkEnd w:id="28"/>
          </w:p>
        </w:tc>
      </w:tr>
      <w:tr w:rsidR="006D333E" w:rsidRPr="005D2D5F" w14:paraId="6B6A54A7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B0FC370" w14:textId="693E69D3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" w:name="ind_control_items_control_item_name_3"/>
            <w:bookmarkEnd w:id="29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6C98118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0" w:name="ind_control_items_control_item_name_4"/>
            <w:bookmarkEnd w:id="30"/>
          </w:p>
        </w:tc>
      </w:tr>
      <w:tr w:rsidR="006D333E" w:rsidRPr="005D2D5F" w14:paraId="11E8B674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8C7D451" w14:textId="27AC49B9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control_items_control_item_name_5"/>
            <w:bookmarkEnd w:id="31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5290670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2" w:name="ind_control_items_control_item_name_6"/>
            <w:bookmarkEnd w:id="32"/>
          </w:p>
        </w:tc>
      </w:tr>
      <w:tr w:rsidR="006D333E" w:rsidRPr="005D2D5F" w14:paraId="2EEADFAE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081980" w14:textId="0393E03F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3" w:name="ind_control_items_control_item_name_7"/>
            <w:bookmarkEnd w:id="33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2C7328C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" w:name="ind_control_items_control_item_name_8"/>
            <w:bookmarkEnd w:id="34"/>
          </w:p>
        </w:tc>
      </w:tr>
      <w:tr w:rsidR="006D333E" w:rsidRPr="005D2D5F" w14:paraId="0E09DE24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8DCF580" w14:textId="2B9BC513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" w:name="ind_control_items_control_item_name_9"/>
            <w:bookmarkEnd w:id="35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FC32FB4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" w:name="ind_control_items_control_item_name_10"/>
            <w:bookmarkEnd w:id="36"/>
          </w:p>
        </w:tc>
      </w:tr>
      <w:tr w:rsidR="006D333E" w:rsidRPr="005D2D5F" w14:paraId="49C3433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3102604" w14:textId="62F5BB70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" w:name="ind_control_items_control_item_name_11"/>
            <w:bookmarkEnd w:id="37"/>
            <w:r>
              <w:rPr>
                <w:rFonts w:ascii="Arial" w:hAnsi="Arial" w:cs="Arial"/>
                <w:sz w:val="20"/>
                <w:szCs w:val="20"/>
              </w:rPr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D8F33CF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8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38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ABC8A5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9" w:name="ind_noise_noise_id"/>
            <w:bookmarkEnd w:id="39"/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E13DF9C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0824B592" w:rsidR="00EC6E6D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control_items_control_item_nameX2"/>
            <w:bookmarkEnd w:id="40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E9CFE0F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control_items_control_item_nameX2_2"/>
            <w:bookmarkEnd w:id="41"/>
          </w:p>
        </w:tc>
      </w:tr>
      <w:tr w:rsidR="006D333E" w:rsidRPr="005D2D5F" w14:paraId="7AFB88FB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93D3CC5" w14:textId="1EC2F8BA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2" w:name="ind_control_items_control_item_nameX2_3"/>
            <w:bookmarkEnd w:id="42"/>
            <w:r>
              <w:rPr>
                <w:rFonts w:ascii="Arial" w:hAnsi="Arial" w:cs="Arial"/>
                <w:sz w:val="20"/>
                <w:szCs w:val="20"/>
              </w:rPr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D511767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control_items_control_item_nameX2_4"/>
            <w:bookmarkEnd w:id="43"/>
          </w:p>
        </w:tc>
      </w:tr>
      <w:tr w:rsidR="006D333E" w:rsidRPr="005D2D5F" w14:paraId="1DE62935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FF6900D" w14:textId="21C7AAA0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control_items_control_item_nameX2_5"/>
            <w:bookmarkEnd w:id="44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100FC92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5" w:name="ind_control_items_control_item_nameX2_6"/>
            <w:bookmarkEnd w:id="45"/>
          </w:p>
        </w:tc>
      </w:tr>
      <w:tr w:rsidR="006D333E" w:rsidRPr="005D2D5F" w14:paraId="6523AA3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2E40B7B" w14:textId="24467D64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control_items_control_item_nameX2_7"/>
            <w:bookmarkEnd w:id="46"/>
            <w:r>
              <w:rPr>
                <w:rFonts w:ascii="Arial" w:hAnsi="Arial" w:cs="Arial"/>
                <w:sz w:val="20"/>
                <w:szCs w:val="20"/>
              </w:rPr>
              <w:t>Støj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3199677B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7" w:name="ind_w_water_amount_permission_id"/>
            <w:bookmarkEnd w:id="47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3F4524A5" w:rsidR="00EC6E6D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X3"/>
            <w:bookmarkEnd w:id="48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7921269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control_items_control_item_nameX3_2"/>
            <w:bookmarkEnd w:id="49"/>
          </w:p>
        </w:tc>
      </w:tr>
      <w:tr w:rsidR="006D333E" w:rsidRPr="005D2D5F" w14:paraId="07AC7EF0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0CB27A9" w14:textId="7F8E6CC3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0" w:name="ind_control_items_control_item_nameX3_3"/>
            <w:bookmarkEnd w:id="50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CBD5D2D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control_items_control_item_nameX3_4"/>
            <w:bookmarkEnd w:id="51"/>
          </w:p>
        </w:tc>
      </w:tr>
      <w:tr w:rsidR="006D333E" w:rsidRPr="005D2D5F" w14:paraId="1E5623A9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49DB41E" w14:textId="69A2CF8D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2" w:name="ind_control_items_control_item_nameX3_5"/>
            <w:bookmarkEnd w:id="52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113C414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control_items_control_item_nameX3_6"/>
            <w:bookmarkEnd w:id="53"/>
          </w:p>
        </w:tc>
      </w:tr>
      <w:tr w:rsidR="006D333E" w:rsidRPr="005D2D5F" w14:paraId="174D2E60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7D818D0" w14:textId="06F8E77B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control_items_control_item_nameX3_7"/>
            <w:bookmarkEnd w:id="54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83C95D8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5" w:name="ind_control_items_control_item_nameX3_8"/>
            <w:bookmarkEnd w:id="55"/>
          </w:p>
        </w:tc>
      </w:tr>
      <w:tr w:rsidR="006D333E" w:rsidRPr="005D2D5F" w14:paraId="2789D875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8C6F2C3" w14:textId="6E41D4F2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control_items_control_item_nameX3_9"/>
            <w:bookmarkEnd w:id="56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35BE5BF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7" w:name="ind_control_items_control_item_nameX3_10"/>
            <w:bookmarkEnd w:id="57"/>
          </w:p>
        </w:tc>
      </w:tr>
      <w:tr w:rsidR="006D333E" w:rsidRPr="005D2D5F" w14:paraId="2497F182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922708A" w14:textId="7418CEA8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control_items_control_item_nameX3_11"/>
            <w:bookmarkEnd w:id="58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94419A0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9" w:name="ind_control_items_control_item_nameX3_12"/>
            <w:bookmarkEnd w:id="59"/>
          </w:p>
        </w:tc>
      </w:tr>
      <w:tr w:rsidR="006D333E" w:rsidRPr="005D2D5F" w14:paraId="4914C411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517A95C" w14:textId="3CB2AB79" w:rsidR="006D333E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0" w:name="ind_control_items_control_item_nameX3_13"/>
            <w:bookmarkEnd w:id="60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7C91AC6" w14:textId="77777777" w:rsidR="006D333E" w:rsidRPr="005D2D5F" w:rsidRDefault="006D333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61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61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2" w:name="ind_w_water_amount_idX2"/>
            <w:bookmarkEnd w:id="62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2D691EFE" w:rsidR="00EC6E6D" w:rsidRPr="00B93A39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3" w:name="ind_control_items_control_item_nameX4"/>
            <w:bookmarkEnd w:id="63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49EB977" w14:textId="77777777" w:rsidR="00EC6E6D" w:rsidRPr="00B93A39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4" w:name="ind_control_items_control_item_nameX4_2"/>
            <w:bookmarkEnd w:id="64"/>
          </w:p>
        </w:tc>
      </w:tr>
      <w:tr w:rsidR="006D333E" w:rsidRPr="00F94A99" w14:paraId="705E369F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4FFACF1" w14:textId="69626ED1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5" w:name="ind_control_items_control_item_nameX4_3"/>
            <w:bookmarkEnd w:id="65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F9A5FE8" w14:textId="77777777" w:rsidR="006D333E" w:rsidRPr="00B93A39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6" w:name="ind_control_items_control_item_nameX4_4"/>
            <w:bookmarkEnd w:id="66"/>
          </w:p>
        </w:tc>
      </w:tr>
      <w:tr w:rsidR="006D333E" w:rsidRPr="00F94A99" w14:paraId="0E14152A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478AECD" w14:textId="337C9EF3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7" w:name="ind_control_items_control_item_nameX4_5"/>
            <w:bookmarkEnd w:id="67"/>
            <w:r>
              <w:rPr>
                <w:rFonts w:ascii="Arial" w:hAnsi="Arial" w:cs="Arial"/>
                <w:sz w:val="20"/>
                <w:szCs w:val="20"/>
              </w:rPr>
              <w:lastRenderedPageBreak/>
              <w:t>Udskiller, funktionsafprøvning af 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4D6C36E" w14:textId="77777777" w:rsidR="006D333E" w:rsidRPr="00B93A39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8" w:name="ind_control_items_control_item_nameX4_6"/>
            <w:bookmarkEnd w:id="68"/>
          </w:p>
        </w:tc>
      </w:tr>
      <w:tr w:rsidR="006D333E" w:rsidRPr="00F94A99" w14:paraId="19C35C7B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9B9F02E" w14:textId="76BFA83B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9" w:name="ind_control_items_control_item_nameX4_7"/>
            <w:bookmarkEnd w:id="69"/>
            <w:r>
              <w:rPr>
                <w:rFonts w:ascii="Arial" w:hAnsi="Arial" w:cs="Arial"/>
                <w:sz w:val="20"/>
                <w:szCs w:val="20"/>
              </w:rPr>
              <w:t>Udskillere, vilkår i 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D3FF5BD" w14:textId="77777777" w:rsidR="006D333E" w:rsidRPr="00B93A39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70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70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1" w:name="ind_tank_ind_tank_id"/>
            <w:bookmarkEnd w:id="71"/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B37E61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</w:tcPr>
          <w:p w14:paraId="3A81F9A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</w:tcPr>
          <w:p w14:paraId="2752A56D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</w:tcPr>
          <w:p w14:paraId="28A11DD1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92" w:type="dxa"/>
          </w:tcPr>
          <w:p w14:paraId="48019EE3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6D333E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DDE239" w14:textId="706CE4C5" w:rsidR="009750F4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2" w:name="bbr_tech_inst_land_parcel_id"/>
            <w:bookmarkEnd w:id="72"/>
            <w:r>
              <w:rPr>
                <w:rFonts w:ascii="Arial" w:hAnsi="Arial" w:cs="Arial"/>
                <w:sz w:val="20"/>
                <w:szCs w:val="20"/>
              </w:rPr>
              <w:t>4fq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23C58EF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3" w:name="bbr_tech_inst_land_parcel_id_2"/>
            <w:bookmarkEnd w:id="73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02C9374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4" w:name="bbr_tech_inst_land_parcel_id_3"/>
            <w:bookmarkEnd w:id="74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219FAE" w14:textId="1C9143E4" w:rsidR="009750F4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5" w:name="bbr_tech_inst_land_parcel_id_4"/>
            <w:bookmarkEnd w:id="75"/>
            <w:r>
              <w:rPr>
                <w:rFonts w:ascii="Arial" w:hAnsi="Arial" w:cs="Arial"/>
                <w:sz w:val="20"/>
                <w:szCs w:val="20"/>
              </w:rPr>
              <w:t>1993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F7CE8C" w14:textId="0BE65214" w:rsidR="009750F4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6" w:name="bbr_tech_inst_land_parcel_id_5"/>
            <w:bookmarkEnd w:id="76"/>
            <w:r>
              <w:rPr>
                <w:rFonts w:ascii="Arial" w:hAnsi="Arial" w:cs="Arial"/>
                <w:sz w:val="20"/>
                <w:szCs w:val="20"/>
              </w:rPr>
              <w:t>Mineralske olie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BB9FC2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7" w:name="bbr_tech_inst_land_parcel_id_6"/>
            <w:bookmarkEnd w:id="77"/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2ECB995" w14:textId="1DE79159" w:rsidR="009750F4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8" w:name="bbr_tech_inst_land_parcel_id_7"/>
            <w:bookmarkEnd w:id="78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E985661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79" w:name="bbr_tech_inst_land_parcel_id_8"/>
            <w:bookmarkEnd w:id="79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7536AB7D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0" w:name="bbr_tech_inst_land_parcel_id_9"/>
            <w:bookmarkEnd w:id="8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D5DDBF6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1" w:name="bbr_tech_inst_land_parcel_id_10"/>
            <w:bookmarkEnd w:id="81"/>
          </w:p>
        </w:tc>
      </w:tr>
      <w:tr w:rsidR="006D333E" w:rsidRPr="00A1310D" w14:paraId="37D4BDA9" w14:textId="77777777" w:rsidTr="006D333E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594DBFD" w14:textId="777CD7F4" w:rsidR="006D333E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2" w:name="bbr_tech_inst_land_parcel_id_11"/>
            <w:bookmarkEnd w:id="82"/>
            <w:r>
              <w:rPr>
                <w:rFonts w:ascii="Arial" w:hAnsi="Arial" w:cs="Arial"/>
                <w:sz w:val="20"/>
                <w:szCs w:val="20"/>
              </w:rPr>
              <w:t>4fq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3AC823FF" w14:textId="0B75AA7F" w:rsidR="006D333E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3" w:name="bbr_tech_inst_land_parcel_id_12"/>
            <w:bookmarkEnd w:id="83"/>
            <w:r>
              <w:rPr>
                <w:rFonts w:ascii="Arial" w:hAnsi="Arial" w:cs="Arial"/>
                <w:sz w:val="20"/>
                <w:szCs w:val="20"/>
              </w:rPr>
              <w:t>1997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B19B21F" w14:textId="3C1A918B" w:rsidR="006D333E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4" w:name="bbr_tech_inst_land_parcel_id_13"/>
            <w:bookmarkEnd w:id="84"/>
            <w:r>
              <w:rPr>
                <w:rFonts w:ascii="Arial" w:hAnsi="Arial" w:cs="Arial"/>
                <w:sz w:val="20"/>
                <w:szCs w:val="20"/>
              </w:rPr>
              <w:t>69395-01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D329DA" w14:textId="624E5F4E" w:rsidR="006D333E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5" w:name="bbr_tech_inst_land_parcel_id_14"/>
            <w:bookmarkEnd w:id="85"/>
            <w:r>
              <w:rPr>
                <w:rFonts w:ascii="Arial" w:hAnsi="Arial" w:cs="Arial"/>
                <w:sz w:val="20"/>
                <w:szCs w:val="20"/>
              </w:rPr>
              <w:t>1997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6F95AD3" w14:textId="73AB1D0F" w:rsidR="006D333E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6" w:name="bbr_tech_inst_land_parcel_id_15"/>
            <w:bookmarkEnd w:id="86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71E2732" w14:textId="0686AD9B" w:rsidR="006D333E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7" w:name="bbr_tech_inst_land_parcel_id_16"/>
            <w:bookmarkEnd w:id="87"/>
            <w:r>
              <w:rPr>
                <w:rFonts w:ascii="Arial" w:hAnsi="Arial" w:cs="Arial"/>
                <w:sz w:val="20"/>
                <w:szCs w:val="20"/>
              </w:rPr>
              <w:t>2.5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AD27B22" w14:textId="77BECF2C" w:rsidR="006D333E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8" w:name="bbr_tech_inst_land_parcel_id_17"/>
            <w:bookmarkEnd w:id="88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27CABC9E" w14:textId="77777777" w:rsidR="006D333E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89" w:name="bbr_tech_inst_land_parcel_id_18"/>
            <w:bookmarkEnd w:id="89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27B2B737" w14:textId="77777777" w:rsidR="006D333E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0" w:name="bbr_tech_inst_land_parcel_id_19"/>
            <w:bookmarkEnd w:id="9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E2B8D34" w14:textId="77777777" w:rsidR="006D333E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1" w:name="bbr_tech_inst_land_parcel_id_20"/>
            <w:bookmarkEnd w:id="91"/>
          </w:p>
        </w:tc>
      </w:tr>
      <w:tr w:rsidR="006D333E" w:rsidRPr="00A1310D" w14:paraId="4B6C551D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05FE28CB" w14:textId="160A20CA" w:rsidR="006D333E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2" w:name="bbr_tech_inst_land_parcel_id_21"/>
            <w:bookmarkEnd w:id="92"/>
            <w:r>
              <w:rPr>
                <w:rFonts w:ascii="Arial" w:hAnsi="Arial" w:cs="Arial"/>
                <w:sz w:val="20"/>
                <w:szCs w:val="20"/>
              </w:rPr>
              <w:t>4fq</w:t>
            </w:r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026FB23E" w14:textId="1D98A466" w:rsidR="006D333E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3" w:name="bbr_tech_inst_land_parcel_id_22"/>
            <w:bookmarkEnd w:id="93"/>
            <w:r>
              <w:rPr>
                <w:rFonts w:ascii="Arial" w:hAnsi="Arial" w:cs="Arial"/>
                <w:sz w:val="20"/>
                <w:szCs w:val="20"/>
              </w:rPr>
              <w:t>1973</w:t>
            </w:r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12159FDE" w14:textId="03E7ADAE" w:rsidR="006D333E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4" w:name="bbr_tech_inst_land_parcel_id_23"/>
            <w:bookmarkEnd w:id="94"/>
            <w:r>
              <w:rPr>
                <w:rFonts w:ascii="Arial" w:hAnsi="Arial" w:cs="Arial"/>
                <w:sz w:val="20"/>
                <w:szCs w:val="20"/>
              </w:rPr>
              <w:t>166626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62A2C9B6" w14:textId="69FEB0C5" w:rsidR="006D333E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5" w:name="bbr_tech_inst_land_parcel_id_24"/>
            <w:bookmarkEnd w:id="95"/>
            <w:r>
              <w:rPr>
                <w:rFonts w:ascii="Arial" w:hAnsi="Arial" w:cs="Arial"/>
                <w:sz w:val="20"/>
                <w:szCs w:val="20"/>
              </w:rPr>
              <w:t>1973</w:t>
            </w: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1A21441C" w14:textId="6AD0571F" w:rsidR="006D333E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6" w:name="bbr_tech_inst_land_parcel_id_25"/>
            <w:bookmarkEnd w:id="96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093EAEEE" w14:textId="55AB2D22" w:rsidR="006D333E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7" w:name="bbr_tech_inst_land_parcel_id_26"/>
            <w:bookmarkEnd w:id="97"/>
            <w:r>
              <w:rPr>
                <w:rFonts w:ascii="Arial" w:hAnsi="Arial" w:cs="Arial"/>
                <w:sz w:val="20"/>
                <w:szCs w:val="20"/>
              </w:rPr>
              <w:t>10.000</w:t>
            </w: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44C9A23F" w14:textId="22EF4858" w:rsidR="006D333E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8" w:name="bbr_tech_inst_land_parcel_id_27"/>
            <w:bookmarkEnd w:id="98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06623729" w14:textId="50B72D63" w:rsidR="006D333E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99" w:name="bbr_tech_inst_land_parcel_id_28"/>
            <w:bookmarkEnd w:id="99"/>
            <w:r>
              <w:rPr>
                <w:rFonts w:ascii="Arial" w:hAnsi="Arial" w:cs="Arial"/>
                <w:sz w:val="20"/>
                <w:szCs w:val="20"/>
              </w:rPr>
              <w:t>1999</w:t>
            </w:r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00EAE56F" w14:textId="1E550B81" w:rsidR="006D333E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0" w:name="bbr_tech_inst_land_parcel_id_29"/>
            <w:bookmarkEnd w:id="100"/>
            <w:r>
              <w:rPr>
                <w:rFonts w:ascii="Arial" w:hAnsi="Arial" w:cs="Arial"/>
                <w:sz w:val="20"/>
                <w:szCs w:val="20"/>
              </w:rPr>
              <w:t>Tanken er tømt, afblændet og opfyldt</w:t>
            </w:r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4E707604" w14:textId="77777777" w:rsidR="006D333E" w:rsidRPr="00A1310D" w:rsidRDefault="006D333E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9B744" w14:textId="31A5DF90" w:rsidR="00EC6E6D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1" w:name="ind_control_items_control_item_nameX5"/>
            <w:bookmarkEnd w:id="101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EC8780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2" w:name="ind_control_items_control_item_nameX5_2"/>
            <w:bookmarkEnd w:id="102"/>
          </w:p>
        </w:tc>
      </w:tr>
      <w:tr w:rsidR="006D333E" w:rsidRPr="00245E8B" w14:paraId="4CCD1EBD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5BB755D" w14:textId="742114E5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control_items_control_item_nameX5_3"/>
            <w:bookmarkEnd w:id="103"/>
            <w:r>
              <w:rPr>
                <w:rFonts w:ascii="Arial" w:hAnsi="Arial" w:cs="Arial"/>
                <w:sz w:val="20"/>
                <w:szCs w:val="20"/>
              </w:rPr>
              <w:t>Olietanke, opstilling/plac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39240CE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4" w:name="ind_control_items_control_item_nameX5_4"/>
            <w:bookmarkEnd w:id="104"/>
          </w:p>
        </w:tc>
      </w:tr>
      <w:tr w:rsidR="006D333E" w:rsidRPr="00245E8B" w14:paraId="4FF112EA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A565E55" w14:textId="6E6F8A6C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5" w:name="ind_control_items_control_item_nameX5_5"/>
            <w:bookmarkEnd w:id="105"/>
            <w:r>
              <w:rPr>
                <w:rFonts w:ascii="Arial" w:hAnsi="Arial" w:cs="Arial"/>
                <w:sz w:val="20"/>
                <w:szCs w:val="20"/>
              </w:rPr>
              <w:t xml:space="preserve">Olietanke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/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afb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sløjf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E6DA8C9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control_items_control_item_nameX5_6"/>
            <w:bookmarkEnd w:id="106"/>
          </w:p>
        </w:tc>
      </w:tr>
      <w:tr w:rsidR="006D333E" w:rsidRPr="00245E8B" w14:paraId="727C635B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25F05FA" w14:textId="28FC9CA9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7" w:name="ind_control_items_control_item_nameX5_7"/>
            <w:bookmarkEnd w:id="107"/>
            <w:r>
              <w:rPr>
                <w:rFonts w:ascii="Arial" w:hAnsi="Arial" w:cs="Arial"/>
                <w:sz w:val="20"/>
                <w:szCs w:val="20"/>
              </w:rPr>
              <w:t>Olietanke, tankattest/tankski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27520E9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8" w:name="ind_control_items_control_item_nameX5_8"/>
            <w:bookmarkEnd w:id="108"/>
          </w:p>
        </w:tc>
      </w:tr>
      <w:tr w:rsidR="006D333E" w:rsidRPr="00245E8B" w14:paraId="1D000131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CAA0771" w14:textId="243A710C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9" w:name="ind_control_items_control_item_nameX5_9"/>
            <w:bookmarkEnd w:id="109"/>
            <w:r>
              <w:rPr>
                <w:rFonts w:ascii="Arial" w:hAnsi="Arial" w:cs="Arial"/>
                <w:sz w:val="20"/>
                <w:szCs w:val="20"/>
              </w:rPr>
              <w:t>Olietanke, sløjfningstermi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1EC3026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0" w:name="ind_control_items_control_item_nameX5_10"/>
            <w:bookmarkEnd w:id="110"/>
          </w:p>
        </w:tc>
      </w:tr>
      <w:tr w:rsidR="006D333E" w:rsidRPr="00245E8B" w14:paraId="2690EA84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52E64DC" w14:textId="2081A36B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control_items_control_item_nameX5_11"/>
            <w:bookmarkEnd w:id="111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FE02FA8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2" w:name="ind_control_items_control_item_nameX5_12"/>
            <w:bookmarkEnd w:id="112"/>
          </w:p>
        </w:tc>
      </w:tr>
      <w:tr w:rsidR="006D333E" w:rsidRPr="00245E8B" w14:paraId="1EA45D69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47F758D" w14:textId="22A0364D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3" w:name="ind_control_items_control_item_nameX5_13"/>
            <w:bookmarkEnd w:id="113"/>
            <w:r>
              <w:rPr>
                <w:rFonts w:ascii="Arial" w:hAnsi="Arial" w:cs="Arial"/>
                <w:sz w:val="20"/>
                <w:szCs w:val="20"/>
              </w:rPr>
              <w:t>Olietanke, overjordiske, overløbs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8CD7F96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4" w:name="ind_control_items_control_item_nameX5_14"/>
            <w:bookmarkEnd w:id="114"/>
          </w:p>
        </w:tc>
      </w:tr>
      <w:tr w:rsidR="006D333E" w:rsidRPr="00245E8B" w14:paraId="0881DDE4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859D891" w14:textId="792A1B63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5" w:name="ind_control_items_control_item_nameX5_15"/>
            <w:bookmarkEnd w:id="115"/>
            <w:r>
              <w:rPr>
                <w:rFonts w:ascii="Arial" w:hAnsi="Arial" w:cs="Arial"/>
                <w:sz w:val="20"/>
                <w:szCs w:val="20"/>
              </w:rPr>
              <w:t xml:space="preserve">Olietanke, belægninger v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åfyldningspl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9D62CCF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6" w:name="ind_control_items_control_item_nameX5_16"/>
            <w:bookmarkEnd w:id="116"/>
          </w:p>
        </w:tc>
      </w:tr>
      <w:tr w:rsidR="006D333E" w:rsidRPr="00245E8B" w14:paraId="0F12220A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39BFFC2" w14:textId="45B09174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7" w:name="ind_control_items_control_item_nameX5_17"/>
            <w:bookmarkEnd w:id="117"/>
            <w:r>
              <w:rPr>
                <w:rFonts w:ascii="Arial" w:hAnsi="Arial" w:cs="Arial"/>
                <w:sz w:val="20"/>
                <w:szCs w:val="20"/>
              </w:rPr>
              <w:t>Olietanke, belægninger ved salgs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2AF6DC0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control_items_control_item_nameX5_18"/>
            <w:bookmarkEnd w:id="118"/>
          </w:p>
        </w:tc>
      </w:tr>
      <w:tr w:rsidR="006D333E" w:rsidRPr="00245E8B" w14:paraId="75A25092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E3C08E7" w14:textId="6EF9F8CE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control_items_control_item_nameX5_19"/>
            <w:bookmarkEnd w:id="119"/>
            <w:r>
              <w:rPr>
                <w:rFonts w:ascii="Arial" w:hAnsi="Arial" w:cs="Arial"/>
                <w:sz w:val="20"/>
                <w:szCs w:val="20"/>
              </w:rPr>
              <w:lastRenderedPageBreak/>
              <w:t xml:space="preserve">Olietanke på/over 6000 l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æthedsp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p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02E91F5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0" w:name="ind_control_items_control_item_nameX5_20"/>
            <w:bookmarkEnd w:id="120"/>
          </w:p>
        </w:tc>
      </w:tr>
      <w:tr w:rsidR="006D333E" w:rsidRPr="00245E8B" w14:paraId="71B28927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0BFE629" w14:textId="69449E44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control_items_control_item_nameX5_21"/>
            <w:bookmarkEnd w:id="121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beh.regnskab</w:t>
            </w:r>
            <w:proofErr w:type="spellEnd"/>
            <w:proofErr w:type="gram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CED9679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2" w:name="ind_control_items_control_item_nameX5_22"/>
            <w:bookmarkEnd w:id="122"/>
          </w:p>
        </w:tc>
      </w:tr>
      <w:tr w:rsidR="006D333E" w:rsidRPr="00245E8B" w14:paraId="36716433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E9DB2C8" w14:textId="371DDB49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3" w:name="ind_control_items_control_item_nameX5_23"/>
            <w:bookmarkEnd w:id="123"/>
            <w:r>
              <w:rPr>
                <w:rFonts w:ascii="Arial" w:hAnsi="Arial" w:cs="Arial"/>
                <w:sz w:val="20"/>
                <w:szCs w:val="20"/>
              </w:rPr>
              <w:t>Olietanke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2E06AE3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24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124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6AE01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5" w:name="ind_rawmat_types_rawmat_name"/>
            <w:bookmarkEnd w:id="125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A4F6C8D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044AFE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3BDD016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3E49F5A" w14:textId="77777777" w:rsidR="00EC6E6D" w:rsidRPr="00245E8B" w:rsidRDefault="00EC6E6D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7F5A72" w14:textId="0F72426F" w:rsidR="00EC6E6D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6" w:name="ind_control_items_control_item_nameX6"/>
            <w:bookmarkEnd w:id="126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1BDB3D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7" w:name="ind_control_items_control_item_nameX6_2"/>
            <w:bookmarkEnd w:id="127"/>
          </w:p>
        </w:tc>
      </w:tr>
      <w:tr w:rsidR="006D333E" w:rsidRPr="00245E8B" w14:paraId="322445E2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ED4FC59" w14:textId="3499B2D6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8" w:name="ind_control_items_control_item_nameX6_3"/>
            <w:bookmarkEnd w:id="128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BE1D7E5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9" w:name="ind_control_items_control_item_nameX6_4"/>
            <w:bookmarkEnd w:id="129"/>
          </w:p>
        </w:tc>
      </w:tr>
      <w:tr w:rsidR="006D333E" w:rsidRPr="00245E8B" w14:paraId="5642DEB8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FDD047E" w14:textId="5E670A4A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0" w:name="ind_control_items_control_item_nameX6_5"/>
            <w:bookmarkEnd w:id="130"/>
            <w:r>
              <w:rPr>
                <w:rFonts w:ascii="Arial" w:hAnsi="Arial" w:cs="Arial"/>
                <w:sz w:val="20"/>
                <w:szCs w:val="20"/>
              </w:rPr>
              <w:t>Råvarer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D022498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1" w:name="ind_control_items_control_item_nameX6_6"/>
            <w:bookmarkEnd w:id="131"/>
          </w:p>
        </w:tc>
      </w:tr>
      <w:tr w:rsidR="006D333E" w:rsidRPr="00245E8B" w14:paraId="69B57F7E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DA33A4F" w14:textId="72E8FA09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2" w:name="ind_control_items_control_item_nameX6_7"/>
            <w:bookmarkEnd w:id="132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A00BF3D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14F559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3" w:name="wst_fraction_1_fraction_1_nameX2"/>
            <w:bookmarkEnd w:id="133"/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DB08660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81FF67A" w14:textId="77777777"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D3F8BD9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CCDF903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4D6A408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95FACBC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6ECD0F5F" w:rsidR="00EC6E6D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4" w:name="ind_control_items_control_item_nameX7"/>
            <w:bookmarkEnd w:id="134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8B2A6D8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5" w:name="ind_control_items_control_item_nameX7_2"/>
            <w:bookmarkEnd w:id="135"/>
          </w:p>
        </w:tc>
      </w:tr>
      <w:tr w:rsidR="006D333E" w:rsidRPr="00245E8B" w14:paraId="57F85E63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61A00CB" w14:textId="6E49D461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6" w:name="ind_control_items_control_item_nameX7_3"/>
            <w:bookmarkEnd w:id="136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E9D6A00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7" w:name="ind_control_items_control_item_nameX7_4"/>
            <w:bookmarkEnd w:id="137"/>
          </w:p>
        </w:tc>
      </w:tr>
      <w:tr w:rsidR="006D333E" w:rsidRPr="00245E8B" w14:paraId="747385B1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ECA44A4" w14:textId="0EDCDDCD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8" w:name="ind_control_items_control_item_nameX7_5"/>
            <w:bookmarkEnd w:id="138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0B82BC2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39" w:name="ind_control_items_control_item_nameX7_6"/>
            <w:bookmarkEnd w:id="139"/>
          </w:p>
        </w:tc>
      </w:tr>
      <w:tr w:rsidR="006D333E" w:rsidRPr="00245E8B" w14:paraId="50EEFEF1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7DF40B" w14:textId="7BB733B9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0" w:name="ind_control_items_control_item_nameX7_7"/>
            <w:bookmarkEnd w:id="140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6082137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1" w:name="ind_control_items_control_item_nameX7_8"/>
            <w:bookmarkEnd w:id="141"/>
          </w:p>
        </w:tc>
      </w:tr>
      <w:tr w:rsidR="006D333E" w:rsidRPr="00245E8B" w14:paraId="1CD1D3DB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8B20445" w14:textId="38B94A75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2" w:name="ind_control_items_control_item_nameX7_9"/>
            <w:bookmarkEnd w:id="142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05A8CA1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3" w:name="ind_control_items_control_item_nameX7_10"/>
            <w:bookmarkEnd w:id="143"/>
          </w:p>
        </w:tc>
      </w:tr>
      <w:tr w:rsidR="006D333E" w:rsidRPr="00245E8B" w14:paraId="666C7FB8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EA4521A" w14:textId="6B6C930D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4" w:name="ind_control_items_control_item_nameX7_11"/>
            <w:bookmarkEnd w:id="144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0EE70DC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5" w:name="ind_control_items_control_item_nameX7_12"/>
            <w:bookmarkEnd w:id="145"/>
          </w:p>
        </w:tc>
      </w:tr>
      <w:tr w:rsidR="006D333E" w:rsidRPr="00245E8B" w14:paraId="5F999115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536BB03" w14:textId="215FBE87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6" w:name="ind_control_items_control_item_nameX7_13"/>
            <w:bookmarkEnd w:id="146"/>
            <w:r>
              <w:rPr>
                <w:rFonts w:ascii="Arial" w:hAnsi="Arial" w:cs="Arial"/>
                <w:sz w:val="20"/>
                <w:szCs w:val="20"/>
              </w:rPr>
              <w:lastRenderedPageBreak/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FB14B10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7" w:name="ind_control_items_control_item_nameX7_14"/>
            <w:bookmarkEnd w:id="147"/>
          </w:p>
        </w:tc>
      </w:tr>
      <w:tr w:rsidR="006D333E" w:rsidRPr="00245E8B" w14:paraId="3BF8A756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D88DAF6" w14:textId="4D385DE4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8" w:name="ind_control_items_control_item_nameX7_15"/>
            <w:bookmarkEnd w:id="148"/>
            <w:r>
              <w:rPr>
                <w:rFonts w:ascii="Arial" w:hAnsi="Arial" w:cs="Arial"/>
                <w:sz w:val="20"/>
                <w:szCs w:val="20"/>
              </w:rPr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644E457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0676D0E5" w:rsidR="00EC6E6D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49" w:name="ind_control_items_control_item_nameX11"/>
            <w:bookmarkEnd w:id="149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0" w:name="ind_control_items_control_item_nameX11_2"/>
            <w:bookmarkEnd w:id="150"/>
          </w:p>
        </w:tc>
      </w:tr>
      <w:tr w:rsidR="006D333E" w:rsidRPr="00245E8B" w14:paraId="76CC0D28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CEF50A8" w14:textId="0D21BE7B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1" w:name="ind_control_items_control_item_nameX11_3"/>
            <w:bookmarkEnd w:id="151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3F6313E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2" w:name="ind_control_items_control_item_nameX11_4"/>
            <w:bookmarkEnd w:id="152"/>
          </w:p>
        </w:tc>
      </w:tr>
      <w:tr w:rsidR="006D333E" w:rsidRPr="00245E8B" w14:paraId="60DD7B00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66F4E69" w14:textId="2BC48A6A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3" w:name="ind_control_items_control_item_nameX11_5"/>
            <w:bookmarkEnd w:id="153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71FFA98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4" w:name="ind_control_items_control_item_nameX11_6"/>
            <w:bookmarkEnd w:id="154"/>
          </w:p>
        </w:tc>
      </w:tr>
      <w:tr w:rsidR="006D333E" w:rsidRPr="00245E8B" w14:paraId="40520515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E63740E" w14:textId="2599D87D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5" w:name="ind_control_items_control_item_nameX11_7"/>
            <w:bookmarkEnd w:id="155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86831FA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6" w:name="ind_control_items_control_item_nameX11_8"/>
            <w:bookmarkEnd w:id="156"/>
          </w:p>
        </w:tc>
      </w:tr>
      <w:tr w:rsidR="006D333E" w:rsidRPr="00245E8B" w14:paraId="0E280B17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0D993A5" w14:textId="313E347E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7" w:name="ind_control_items_control_item_nameX11_9"/>
            <w:bookmarkEnd w:id="157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601CD27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D333E" w:rsidRPr="00245E8B" w14:paraId="503319A4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206D623" w14:textId="536B9154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B51E7B7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D333E" w:rsidRPr="00245E8B" w14:paraId="22E24872" w14:textId="77777777" w:rsidTr="006D333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7ADB80B" w14:textId="5E02136E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E7A3F7C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6D333E" w:rsidRPr="00245E8B" w14:paraId="512DE3F4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CC17D87" w14:textId="688ED5B7" w:rsidR="006D333E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8" w:name="ind_control_items_control_item_nameX11_1"/>
            <w:bookmarkEnd w:id="158"/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5F989F3" w14:textId="77777777" w:rsidR="006D333E" w:rsidRPr="00245E8B" w:rsidRDefault="006D333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893278555">
    <w:abstractNumId w:val="11"/>
  </w:num>
  <w:num w:numId="2" w16cid:durableId="2032804137">
    <w:abstractNumId w:val="8"/>
  </w:num>
  <w:num w:numId="3" w16cid:durableId="632709275">
    <w:abstractNumId w:val="10"/>
  </w:num>
  <w:num w:numId="4" w16cid:durableId="938026589">
    <w:abstractNumId w:val="9"/>
  </w:num>
  <w:num w:numId="5" w16cid:durableId="719523303">
    <w:abstractNumId w:val="7"/>
  </w:num>
  <w:num w:numId="6" w16cid:durableId="1465729813">
    <w:abstractNumId w:val="6"/>
  </w:num>
  <w:num w:numId="7" w16cid:durableId="723791647">
    <w:abstractNumId w:val="5"/>
  </w:num>
  <w:num w:numId="8" w16cid:durableId="2014449600">
    <w:abstractNumId w:val="4"/>
  </w:num>
  <w:num w:numId="9" w16cid:durableId="260724500">
    <w:abstractNumId w:val="3"/>
  </w:num>
  <w:num w:numId="10" w16cid:durableId="1612933524">
    <w:abstractNumId w:val="2"/>
  </w:num>
  <w:num w:numId="11" w16cid:durableId="1094281570">
    <w:abstractNumId w:val="1"/>
  </w:num>
  <w:num w:numId="12" w16cid:durableId="1407727565">
    <w:abstractNumId w:val="0"/>
  </w:num>
  <w:num w:numId="13" w16cid:durableId="1683122429">
    <w:abstractNumId w:val="10"/>
  </w:num>
  <w:num w:numId="14" w16cid:durableId="2134786339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3489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E4FC5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86B36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333E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57425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5BD2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4D1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5570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3489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</TotalTime>
  <Pages>6</Pages>
  <Words>366</Words>
  <Characters>3390</Characters>
  <Application>Microsoft Office Word</Application>
  <DocSecurity>0</DocSecurity>
  <Lines>565</Lines>
  <Paragraphs>250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35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Magnus Nygaard Butler</cp:lastModifiedBy>
  <cp:revision>2</cp:revision>
  <cp:lastPrinted>2010-03-04T09:12:00Z</cp:lastPrinted>
  <dcterms:created xsi:type="dcterms:W3CDTF">2025-05-22T05:37:00Z</dcterms:created>
  <dcterms:modified xsi:type="dcterms:W3CDTF">2025-05-22T05:37:00Z</dcterms:modified>
</cp:coreProperties>
</file>